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lang w:eastAsia="cs-CZ"/>
        </w:rPr>
        <w:t>Dobrý den,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lang w:eastAsia="cs-CZ"/>
        </w:rPr>
        <w:t> 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906EDD">
        <w:rPr>
          <w:rFonts w:ascii="Calibri" w:eastAsia="Times New Roman" w:hAnsi="Calibri" w:cs="Calibri"/>
          <w:lang w:eastAsia="cs-CZ"/>
        </w:rPr>
        <w:t>XXXXXXX</w:t>
      </w:r>
      <w:r w:rsidRPr="000B43A6">
        <w:rPr>
          <w:rFonts w:ascii="Calibri" w:eastAsia="Times New Roman" w:hAnsi="Calibri" w:cs="Calibri"/>
          <w:lang w:eastAsia="cs-CZ"/>
        </w:rPr>
        <w:t>, bude fakturovaná částkou  98.200,- Kč bez DPH a 109.984,- Kč s DPH 12%.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lang w:eastAsia="cs-CZ"/>
        </w:rPr>
        <w:t> 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lang w:eastAsia="cs-CZ"/>
        </w:rPr>
        <w:t>S pozdravem,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lang w:eastAsia="cs-CZ"/>
        </w:rPr>
        <w:t> </w:t>
      </w:r>
    </w:p>
    <w:p w:rsidR="000B43A6" w:rsidRPr="000B43A6" w:rsidRDefault="00906EDD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XX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906EDD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906EDD" w:rsidRDefault="00906EDD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XX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0B43A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906ED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0B43A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906ED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0B43A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906ED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  <w:bookmarkStart w:id="0" w:name="_GoBack"/>
      <w:bookmarkEnd w:id="0"/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0B43A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1yahebq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1yahebqe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B43A6" w:rsidRPr="000B43A6" w:rsidRDefault="000B43A6" w:rsidP="000B43A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B43A6">
        <w:rPr>
          <w:rFonts w:ascii="Calibri" w:eastAsia="Times New Roman" w:hAnsi="Calibri" w:cs="Calibri"/>
          <w:lang w:eastAsia="cs-CZ"/>
        </w:rPr>
        <w:t> </w:t>
      </w:r>
    </w:p>
    <w:p w:rsidR="00E81CA8" w:rsidRDefault="00E81CA8"/>
    <w:sectPr w:rsidR="00E81CA8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B43A6"/>
    <w:rsid w:val="000B43A6"/>
    <w:rsid w:val="00906EDD"/>
    <w:rsid w:val="00E81CA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0B43A6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0B43A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0B43A6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0B43A6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0B43A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0B43A6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2157018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7</Words>
  <Characters>342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9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6-02T05:16:00Z</cp:lastPrinted>
  <dcterms:created xsi:type="dcterms:W3CDTF">2025-06-02T05:19:00Z</dcterms:created>
  <dcterms:modified xsi:type="dcterms:W3CDTF">2025-06-02T05:19:00Z</dcterms:modified>
</cp:coreProperties>
</file>